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41"/>
  <workbookPr defaultThemeVersion="124226"/>
  <mc:AlternateContent xmlns:mc="http://schemas.openxmlformats.org/markup-compatibility/2006">
    <mc:Choice Requires="x15">
      <x15ac:absPath xmlns:x15ac="http://schemas.microsoft.com/office/spreadsheetml/2010/11/ac" url="C:\Users\s15740\Desktop\"/>
    </mc:Choice>
  </mc:AlternateContent>
  <xr:revisionPtr revIDLastSave="0" documentId="13_ncr:1_{F75BDA84-1E94-4183-8B42-C2E529294F1B}" xr6:coauthVersionLast="36" xr6:coauthVersionMax="36" xr10:uidLastSave="{00000000-0000-0000-0000-000000000000}"/>
  <bookViews>
    <workbookView xWindow="600" yWindow="120" windowWidth="19395" windowHeight="7830" xr2:uid="{00000000-000D-0000-FFFF-FFFF00000000}"/>
  </bookViews>
  <sheets>
    <sheet name="団体用" sheetId="5" r:id="rId1"/>
  </sheets>
  <calcPr calcId="145621"/>
</workbook>
</file>

<file path=xl/sharedStrings.xml><?xml version="1.0" encoding="utf-8"?>
<sst xmlns="http://schemas.openxmlformats.org/spreadsheetml/2006/main" count="41" uniqueCount="35">
  <si>
    <t>沖縄市選挙管理委員会委員長　　殿</t>
    <rPh sb="0" eb="3">
      <t>オキナワシ</t>
    </rPh>
    <rPh sb="3" eb="5">
      <t>センキョ</t>
    </rPh>
    <rPh sb="5" eb="7">
      <t>カンリ</t>
    </rPh>
    <rPh sb="7" eb="10">
      <t>イインカイ</t>
    </rPh>
    <rPh sb="10" eb="13">
      <t>イインチョウ</t>
    </rPh>
    <rPh sb="15" eb="16">
      <t>トノ</t>
    </rPh>
    <phoneticPr fontId="1"/>
  </si>
  <si>
    <t>１　沖縄市議会議員選挙
　　６ 枚</t>
    <rPh sb="2" eb="4">
      <t>オキナワ</t>
    </rPh>
    <rPh sb="4" eb="7">
      <t>シギカイ</t>
    </rPh>
    <rPh sb="7" eb="9">
      <t>ギイン</t>
    </rPh>
    <rPh sb="9" eb="11">
      <t>センキョ</t>
    </rPh>
    <rPh sb="16" eb="17">
      <t>マイ</t>
    </rPh>
    <phoneticPr fontId="1"/>
  </si>
  <si>
    <t>２　沖縄市長選挙
６ 枚</t>
    <rPh sb="2" eb="4">
      <t>オキナワ</t>
    </rPh>
    <rPh sb="4" eb="6">
      <t>シチョウ</t>
    </rPh>
    <rPh sb="6" eb="8">
      <t>センキョ</t>
    </rPh>
    <rPh sb="11" eb="12">
      <t>マイ</t>
    </rPh>
    <phoneticPr fontId="1"/>
  </si>
  <si>
    <t>枚</t>
    <rPh sb="0" eb="1">
      <t>マイ</t>
    </rPh>
    <phoneticPr fontId="1"/>
  </si>
  <si>
    <t>　残 数     　　　　枚</t>
    <rPh sb="1" eb="2">
      <t>ザン</t>
    </rPh>
    <rPh sb="3" eb="4">
      <t>スウ</t>
    </rPh>
    <rPh sb="13" eb="14">
      <t>マイ</t>
    </rPh>
    <phoneticPr fontId="1"/>
  </si>
  <si>
    <t>受領印</t>
    <rPh sb="0" eb="3">
      <t>ジュリョウイン</t>
    </rPh>
    <phoneticPr fontId="1"/>
  </si>
  <si>
    <t xml:space="preserve">  交付年月日</t>
    <rPh sb="2" eb="4">
      <t>コウフ</t>
    </rPh>
    <rPh sb="4" eb="7">
      <t>ネンガッピ</t>
    </rPh>
    <phoneticPr fontId="1"/>
  </si>
  <si>
    <t>交付証票番号</t>
    <rPh sb="0" eb="2">
      <t>コウフ</t>
    </rPh>
    <rPh sb="2" eb="4">
      <t>ショウヒョウ</t>
    </rPh>
    <rPh sb="4" eb="6">
      <t>バンゴウ</t>
    </rPh>
    <phoneticPr fontId="1"/>
  </si>
  <si>
    <t>事務所の所在地</t>
    <rPh sb="0" eb="3">
      <t>ジムショ</t>
    </rPh>
    <rPh sb="4" eb="7">
      <t>ショザイチ</t>
    </rPh>
    <phoneticPr fontId="1"/>
  </si>
  <si>
    <t>　政治活動のために使用する別記事務所に立札及び看板の類を掲示するので､公職</t>
    <rPh sb="1" eb="3">
      <t>セイジ</t>
    </rPh>
    <rPh sb="3" eb="5">
      <t>カツドウ</t>
    </rPh>
    <rPh sb="9" eb="11">
      <t>シヨウ</t>
    </rPh>
    <rPh sb="13" eb="15">
      <t>ベッキ</t>
    </rPh>
    <rPh sb="15" eb="18">
      <t>ジムショ</t>
    </rPh>
    <rPh sb="19" eb="20">
      <t>タ</t>
    </rPh>
    <rPh sb="20" eb="21">
      <t>フダ</t>
    </rPh>
    <rPh sb="21" eb="22">
      <t>オヨ</t>
    </rPh>
    <rPh sb="23" eb="25">
      <t>カンバン</t>
    </rPh>
    <rPh sb="26" eb="27">
      <t>ルイ</t>
    </rPh>
    <rPh sb="28" eb="30">
      <t>ケイジ</t>
    </rPh>
    <rPh sb="35" eb="37">
      <t>コウショク</t>
    </rPh>
    <phoneticPr fontId="1"/>
  </si>
  <si>
    <t>選挙法施行令第110条の5第5項の規定により､証票の交付を次のとおり申請します。</t>
    <rPh sb="0" eb="3">
      <t>センキョホウ</t>
    </rPh>
    <rPh sb="3" eb="5">
      <t>セコウ</t>
    </rPh>
    <rPh sb="5" eb="6">
      <t>レイ</t>
    </rPh>
    <rPh sb="6" eb="7">
      <t>ダイ</t>
    </rPh>
    <rPh sb="10" eb="11">
      <t>ジョウ</t>
    </rPh>
    <rPh sb="13" eb="14">
      <t>ダイ</t>
    </rPh>
    <rPh sb="15" eb="16">
      <t>コウ</t>
    </rPh>
    <rPh sb="17" eb="19">
      <t>キテイ</t>
    </rPh>
    <rPh sb="23" eb="25">
      <t>ショウヒョウ</t>
    </rPh>
    <rPh sb="26" eb="28">
      <t>コウフ</t>
    </rPh>
    <rPh sb="29" eb="30">
      <t>ツギ</t>
    </rPh>
    <rPh sb="34" eb="36">
      <t>シンセイ</t>
    </rPh>
    <phoneticPr fontId="1"/>
  </si>
  <si>
    <t>印</t>
    <rPh sb="0" eb="1">
      <t>イン</t>
    </rPh>
    <phoneticPr fontId="1"/>
  </si>
  <si>
    <t>政治活動用事務所証票交付申請書（団体用）</t>
    <rPh sb="0" eb="2">
      <t>セイジ</t>
    </rPh>
    <rPh sb="2" eb="5">
      <t>カツドウヨウ</t>
    </rPh>
    <rPh sb="5" eb="8">
      <t>ジムショ</t>
    </rPh>
    <rPh sb="8" eb="10">
      <t>ショウヒョウ</t>
    </rPh>
    <rPh sb="10" eb="12">
      <t>コウフ</t>
    </rPh>
    <rPh sb="12" eb="15">
      <t>シンセイショ</t>
    </rPh>
    <rPh sb="16" eb="18">
      <t>ダンタイ</t>
    </rPh>
    <rPh sb="18" eb="19">
      <t>ヨウ</t>
    </rPh>
    <phoneticPr fontId="1"/>
  </si>
  <si>
    <t>１　選挙の種類及び交付
限度枚数
（一つだけ○を付ける）</t>
    <rPh sb="2" eb="4">
      <t>センキョ</t>
    </rPh>
    <rPh sb="5" eb="7">
      <t>シュルイ</t>
    </rPh>
    <rPh sb="7" eb="8">
      <t>オヨ</t>
    </rPh>
    <rPh sb="9" eb="11">
      <t>コウフ</t>
    </rPh>
    <rPh sb="12" eb="14">
      <t>ゲンド</t>
    </rPh>
    <rPh sb="14" eb="16">
      <t>マイスウ</t>
    </rPh>
    <rPh sb="18" eb="19">
      <t>ヒト</t>
    </rPh>
    <rPh sb="24" eb="25">
      <t>ツ</t>
    </rPh>
    <phoneticPr fontId="1"/>
  </si>
  <si>
    <t>備考：太ワク内は記入しないで下さい。</t>
    <rPh sb="0" eb="2">
      <t>ビコウ</t>
    </rPh>
    <rPh sb="3" eb="4">
      <t>フトシ</t>
    </rPh>
    <rPh sb="6" eb="7">
      <t>ナイ</t>
    </rPh>
    <rPh sb="8" eb="10">
      <t>キニュウ</t>
    </rPh>
    <rPh sb="14" eb="15">
      <t>クダ</t>
    </rPh>
    <phoneticPr fontId="1"/>
  </si>
  <si>
    <t>後援団体の名称</t>
    <rPh sb="0" eb="2">
      <t>コウエン</t>
    </rPh>
    <rPh sb="2" eb="4">
      <t>ダンタイ</t>
    </rPh>
    <rPh sb="5" eb="7">
      <t>メイショウ</t>
    </rPh>
    <phoneticPr fontId="1"/>
  </si>
  <si>
    <t>代表者の住所</t>
    <rPh sb="0" eb="3">
      <t>ダイヒョウシャ</t>
    </rPh>
    <rPh sb="4" eb="6">
      <t>ジュウショ</t>
    </rPh>
    <phoneticPr fontId="1"/>
  </si>
  <si>
    <t>電　　　話</t>
    <rPh sb="0" eb="1">
      <t>デン</t>
    </rPh>
    <rPh sb="4" eb="5">
      <t>ハナシ</t>
    </rPh>
    <phoneticPr fontId="1"/>
  </si>
  <si>
    <t>代表者の氏名</t>
    <rPh sb="0" eb="3">
      <t>ダイヒョウシャ</t>
    </rPh>
    <rPh sb="4" eb="6">
      <t>シメイ</t>
    </rPh>
    <phoneticPr fontId="1"/>
  </si>
  <si>
    <t xml:space="preserve">     上記の後援団体の証票交付申請（　　枚）について同意します。なお私に係</t>
    <rPh sb="5" eb="7">
      <t>ジョウキ</t>
    </rPh>
    <rPh sb="8" eb="10">
      <t>コウエン</t>
    </rPh>
    <rPh sb="10" eb="12">
      <t>ダンタイ</t>
    </rPh>
    <rPh sb="13" eb="15">
      <t>ショウヒョウ</t>
    </rPh>
    <rPh sb="15" eb="17">
      <t>コウフ</t>
    </rPh>
    <rPh sb="17" eb="19">
      <t>シンセイ</t>
    </rPh>
    <rPh sb="22" eb="23">
      <t>マイ</t>
    </rPh>
    <rPh sb="28" eb="30">
      <t>ドウイ</t>
    </rPh>
    <rPh sb="36" eb="37">
      <t>ワタシ</t>
    </rPh>
    <rPh sb="38" eb="39">
      <t>カカ</t>
    </rPh>
    <phoneticPr fontId="1"/>
  </si>
  <si>
    <t xml:space="preserve">   る後援団体のすべてを通じて既に交付された証票の総数は（　　枚）です。</t>
    <rPh sb="4" eb="6">
      <t>コウエン</t>
    </rPh>
    <rPh sb="6" eb="8">
      <t>ダンタイ</t>
    </rPh>
    <rPh sb="13" eb="14">
      <t>ツウ</t>
    </rPh>
    <rPh sb="16" eb="17">
      <t>スデ</t>
    </rPh>
    <rPh sb="18" eb="20">
      <t>コウフ</t>
    </rPh>
    <rPh sb="23" eb="25">
      <t>ショウヒョウ</t>
    </rPh>
    <rPh sb="26" eb="28">
      <t>ソウスウ</t>
    </rPh>
    <rPh sb="32" eb="33">
      <t>マイ</t>
    </rPh>
    <phoneticPr fontId="1"/>
  </si>
  <si>
    <t>候補者氏名</t>
    <rPh sb="0" eb="3">
      <t>コウホシャ</t>
    </rPh>
    <rPh sb="3" eb="5">
      <t>シメイ</t>
    </rPh>
    <phoneticPr fontId="1"/>
  </si>
  <si>
    <t>印</t>
    <rPh sb="0" eb="1">
      <t>イン</t>
    </rPh>
    <phoneticPr fontId="1"/>
  </si>
  <si>
    <t>事 務 所 の 所 在 地</t>
    <rPh sb="0" eb="1">
      <t>コト</t>
    </rPh>
    <rPh sb="2" eb="3">
      <t>ツトム</t>
    </rPh>
    <rPh sb="4" eb="5">
      <t>ショ</t>
    </rPh>
    <rPh sb="8" eb="9">
      <t>ショ</t>
    </rPh>
    <rPh sb="10" eb="11">
      <t>ザイ</t>
    </rPh>
    <rPh sb="12" eb="13">
      <t>チ</t>
    </rPh>
    <phoneticPr fontId="1"/>
  </si>
  <si>
    <t>立札､看板の種類</t>
    <rPh sb="0" eb="1">
      <t>タ</t>
    </rPh>
    <rPh sb="1" eb="2">
      <t>フダ</t>
    </rPh>
    <rPh sb="3" eb="5">
      <t>カンバン</t>
    </rPh>
    <rPh sb="6" eb="8">
      <t>シュルイ</t>
    </rPh>
    <phoneticPr fontId="1"/>
  </si>
  <si>
    <t>枚 数</t>
    <rPh sb="0" eb="1">
      <t>マイ</t>
    </rPh>
    <rPh sb="2" eb="3">
      <t>スウ</t>
    </rPh>
    <phoneticPr fontId="1"/>
  </si>
  <si>
    <t>備　考</t>
    <rPh sb="0" eb="1">
      <t>ソナエ</t>
    </rPh>
    <rPh sb="2" eb="3">
      <t>コウ</t>
    </rPh>
    <phoneticPr fontId="1"/>
  </si>
  <si>
    <t>（別　記）</t>
    <rPh sb="1" eb="2">
      <t>ベツ</t>
    </rPh>
    <rPh sb="3" eb="4">
      <t>キ</t>
    </rPh>
    <phoneticPr fontId="1"/>
  </si>
  <si>
    <t xml:space="preserve"> ２ 交付申請枚数</t>
    <rPh sb="3" eb="5">
      <t>コウフ</t>
    </rPh>
    <rPh sb="5" eb="7">
      <t>シンセイ</t>
    </rPh>
    <rPh sb="7" eb="9">
      <t>マイスウ</t>
    </rPh>
    <phoneticPr fontId="1"/>
  </si>
  <si>
    <t xml:space="preserve"> ３ 候補者の同意</t>
    <rPh sb="3" eb="6">
      <t>コウホシャ</t>
    </rPh>
    <rPh sb="7" eb="9">
      <t>ドウイ</t>
    </rPh>
    <phoneticPr fontId="1"/>
  </si>
  <si>
    <t>※ 添付書類 ： 政治団体設立届（写）</t>
    <rPh sb="2" eb="4">
      <t>テンプ</t>
    </rPh>
    <rPh sb="4" eb="6">
      <t>ショルイ</t>
    </rPh>
    <rPh sb="9" eb="11">
      <t>セイジ</t>
    </rPh>
    <rPh sb="11" eb="13">
      <t>ダンタイ</t>
    </rPh>
    <rPh sb="13" eb="15">
      <t>セツリツ</t>
    </rPh>
    <rPh sb="15" eb="16">
      <t>トド</t>
    </rPh>
    <rPh sb="17" eb="18">
      <t>ウツ</t>
    </rPh>
    <phoneticPr fontId="1"/>
  </si>
  <si>
    <t>沖縄市</t>
    <rPh sb="0" eb="3">
      <t>オキナワシ</t>
    </rPh>
    <phoneticPr fontId="1"/>
  </si>
  <si>
    <t>第３号様式（申請者が後援団体の場合）</t>
    <rPh sb="0" eb="1">
      <t>ダイ</t>
    </rPh>
    <rPh sb="2" eb="3">
      <t>ゴウ</t>
    </rPh>
    <rPh sb="3" eb="5">
      <t>ヨウシキ</t>
    </rPh>
    <rPh sb="6" eb="9">
      <t>シンセイシャ</t>
    </rPh>
    <rPh sb="10" eb="12">
      <t>コウエン</t>
    </rPh>
    <rPh sb="12" eb="14">
      <t>ダンタイ</t>
    </rPh>
    <rPh sb="15" eb="17">
      <t>バアイ</t>
    </rPh>
    <phoneticPr fontId="1"/>
  </si>
  <si>
    <t>　　　　年　　月　　日</t>
    <rPh sb="4" eb="5">
      <t>ネン</t>
    </rPh>
    <rPh sb="7" eb="8">
      <t>ツキ</t>
    </rPh>
    <rPh sb="10" eb="11">
      <t>ヒ</t>
    </rPh>
    <phoneticPr fontId="1"/>
  </si>
  <si>
    <t>　　　　　 年　　 月　　 日</t>
    <rPh sb="6" eb="7">
      <t>ネン</t>
    </rPh>
    <rPh sb="10" eb="11">
      <t>ツキ</t>
    </rPh>
    <rPh sb="14" eb="15">
      <t>ヒ</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ＭＳ Ｐゴシック"/>
      <family val="2"/>
      <charset val="128"/>
      <scheme val="minor"/>
    </font>
    <font>
      <sz val="6"/>
      <name val="ＭＳ Ｐゴシック"/>
      <family val="2"/>
      <charset val="128"/>
      <scheme val="minor"/>
    </font>
    <font>
      <b/>
      <sz val="11"/>
      <color theme="1"/>
      <name val="ＭＳ Ｐゴシック"/>
      <family val="2"/>
      <charset val="128"/>
      <scheme val="minor"/>
    </font>
    <font>
      <sz val="11"/>
      <color theme="1"/>
      <name val="ＭＳ 明朝"/>
      <family val="1"/>
      <charset val="128"/>
    </font>
    <font>
      <sz val="10"/>
      <color theme="1"/>
      <name val="ＭＳ 明朝"/>
      <family val="1"/>
      <charset val="128"/>
    </font>
    <font>
      <sz val="12"/>
      <color theme="1"/>
      <name val="ＭＳ 明朝"/>
      <family val="1"/>
      <charset val="128"/>
    </font>
    <font>
      <b/>
      <sz val="12"/>
      <color theme="1"/>
      <name val="ＭＳ 明朝"/>
      <family val="1"/>
      <charset val="128"/>
    </font>
    <font>
      <b/>
      <sz val="14"/>
      <color theme="1"/>
      <name val="ＭＳ 明朝"/>
      <family val="1"/>
      <charset val="128"/>
    </font>
    <font>
      <u/>
      <sz val="12"/>
      <color theme="1"/>
      <name val="ＭＳ 明朝"/>
      <family val="1"/>
      <charset val="128"/>
    </font>
    <font>
      <sz val="11.5"/>
      <color theme="1"/>
      <name val="ＭＳ 明朝"/>
      <family val="1"/>
      <charset val="128"/>
    </font>
    <font>
      <sz val="11.5"/>
      <color theme="1"/>
      <name val="ＭＳ Ｐゴシック"/>
      <family val="2"/>
      <charset val="128"/>
      <scheme val="minor"/>
    </font>
  </fonts>
  <fills count="2">
    <fill>
      <patternFill patternType="none"/>
    </fill>
    <fill>
      <patternFill patternType="gray125"/>
    </fill>
  </fills>
  <borders count="31">
    <border>
      <left/>
      <right/>
      <top/>
      <bottom/>
      <diagonal/>
    </border>
    <border>
      <left/>
      <right/>
      <top/>
      <bottom style="thin">
        <color indexed="64"/>
      </bottom>
      <diagonal/>
    </border>
    <border>
      <left/>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style="thin">
        <color auto="1"/>
      </right>
      <top/>
      <bottom style="thin">
        <color auto="1"/>
      </bottom>
      <diagonal/>
    </border>
    <border>
      <left style="thin">
        <color auto="1"/>
      </left>
      <right style="thin">
        <color auto="1"/>
      </right>
      <top style="thin">
        <color auto="1"/>
      </top>
      <bottom/>
      <diagonal/>
    </border>
    <border>
      <left style="thick">
        <color auto="1"/>
      </left>
      <right/>
      <top style="thick">
        <color auto="1"/>
      </top>
      <bottom/>
      <diagonal/>
    </border>
    <border>
      <left/>
      <right/>
      <top style="thick">
        <color auto="1"/>
      </top>
      <bottom/>
      <diagonal/>
    </border>
    <border>
      <left/>
      <right style="thin">
        <color auto="1"/>
      </right>
      <top style="thick">
        <color auto="1"/>
      </top>
      <bottom/>
      <diagonal/>
    </border>
    <border>
      <left style="thick">
        <color auto="1"/>
      </left>
      <right/>
      <top/>
      <bottom style="thin">
        <color auto="1"/>
      </bottom>
      <diagonal/>
    </border>
    <border>
      <left style="thin">
        <color auto="1"/>
      </left>
      <right style="thick">
        <color auto="1"/>
      </right>
      <top style="thin">
        <color auto="1"/>
      </top>
      <bottom/>
      <diagonal/>
    </border>
    <border>
      <left style="thin">
        <color auto="1"/>
      </left>
      <right style="thick">
        <color auto="1"/>
      </right>
      <top/>
      <bottom style="thick">
        <color auto="1"/>
      </bottom>
      <diagonal/>
    </border>
    <border>
      <left style="thin">
        <color auto="1"/>
      </left>
      <right/>
      <top/>
      <bottom style="thick">
        <color auto="1"/>
      </bottom>
      <diagonal/>
    </border>
    <border>
      <left/>
      <right style="thin">
        <color auto="1"/>
      </right>
      <top/>
      <bottom style="thick">
        <color auto="1"/>
      </bottom>
      <diagonal/>
    </border>
    <border>
      <left style="thick">
        <color auto="1"/>
      </left>
      <right/>
      <top/>
      <bottom style="thick">
        <color auto="1"/>
      </bottom>
      <diagonal/>
    </border>
    <border>
      <left/>
      <right/>
      <top/>
      <bottom style="thick">
        <color auto="1"/>
      </bottom>
      <diagonal/>
    </border>
    <border>
      <left/>
      <right style="thick">
        <color auto="1"/>
      </right>
      <top style="thin">
        <color auto="1"/>
      </top>
      <bottom/>
      <diagonal/>
    </border>
    <border>
      <left/>
      <right style="thick">
        <color auto="1"/>
      </right>
      <top/>
      <bottom style="thin">
        <color auto="1"/>
      </bottom>
      <diagonal/>
    </border>
    <border>
      <left/>
      <right style="thick">
        <color auto="1"/>
      </right>
      <top/>
      <bottom style="thick">
        <color auto="1"/>
      </bottom>
      <diagonal/>
    </border>
    <border>
      <left style="thin">
        <color auto="1"/>
      </left>
      <right/>
      <top style="thick">
        <color auto="1"/>
      </top>
      <bottom/>
      <diagonal/>
    </border>
    <border>
      <left/>
      <right style="thick">
        <color auto="1"/>
      </right>
      <top style="thick">
        <color auto="1"/>
      </top>
      <bottom/>
      <diagonal/>
    </border>
    <border>
      <left style="double">
        <color auto="1"/>
      </left>
      <right style="thin">
        <color auto="1"/>
      </right>
      <top style="thick">
        <color auto="1"/>
      </top>
      <bottom/>
      <diagonal/>
    </border>
    <border>
      <left style="double">
        <color auto="1"/>
      </left>
      <right style="thin">
        <color auto="1"/>
      </right>
      <top/>
      <bottom style="thin">
        <color auto="1"/>
      </bottom>
      <diagonal/>
    </border>
    <border>
      <left style="double">
        <color auto="1"/>
      </left>
      <right/>
      <top style="thin">
        <color auto="1"/>
      </top>
      <bottom/>
      <diagonal/>
    </border>
    <border>
      <left style="double">
        <color auto="1"/>
      </left>
      <right/>
      <top/>
      <bottom style="thick">
        <color auto="1"/>
      </bottom>
      <diagonal/>
    </border>
  </borders>
  <cellStyleXfs count="1">
    <xf numFmtId="0" fontId="0" fillId="0" borderId="0">
      <alignment vertical="center"/>
    </xf>
  </cellStyleXfs>
  <cellXfs count="84">
    <xf numFmtId="0" fontId="0" fillId="0" borderId="0" xfId="0">
      <alignment vertical="center"/>
    </xf>
    <xf numFmtId="0" fontId="3" fillId="0" borderId="0" xfId="0" applyFont="1">
      <alignment vertical="center"/>
    </xf>
    <xf numFmtId="0" fontId="5" fillId="0" borderId="0" xfId="0" applyFont="1">
      <alignment vertical="center"/>
    </xf>
    <xf numFmtId="0" fontId="5" fillId="0" borderId="1" xfId="0" applyFont="1" applyBorder="1">
      <alignment vertical="center"/>
    </xf>
    <xf numFmtId="0" fontId="5" fillId="0" borderId="2" xfId="0" applyFont="1" applyBorder="1">
      <alignment vertical="center"/>
    </xf>
    <xf numFmtId="0" fontId="8" fillId="0" borderId="2" xfId="0" applyFont="1" applyBorder="1">
      <alignment vertical="center"/>
    </xf>
    <xf numFmtId="0" fontId="5" fillId="0" borderId="0" xfId="0" applyFont="1" applyBorder="1">
      <alignment vertical="center"/>
    </xf>
    <xf numFmtId="0" fontId="4" fillId="0" borderId="0" xfId="0" applyFont="1">
      <alignment vertical="center"/>
    </xf>
    <xf numFmtId="0" fontId="5" fillId="0" borderId="1" xfId="0" applyFont="1" applyBorder="1" applyAlignment="1">
      <alignment horizontal="right" vertical="center"/>
    </xf>
    <xf numFmtId="0" fontId="5" fillId="0" borderId="0" xfId="0" applyFont="1" applyAlignment="1">
      <alignment vertical="center" shrinkToFit="1"/>
    </xf>
    <xf numFmtId="0" fontId="5" fillId="0" borderId="2" xfId="0" applyFont="1" applyBorder="1" applyAlignment="1">
      <alignment horizontal="left" vertical="center"/>
    </xf>
    <xf numFmtId="0" fontId="6" fillId="0" borderId="0" xfId="0" applyFont="1">
      <alignment vertical="center"/>
    </xf>
    <xf numFmtId="0" fontId="6" fillId="0" borderId="0" xfId="0" applyFont="1" applyAlignment="1">
      <alignment horizontal="right" vertical="center"/>
    </xf>
    <xf numFmtId="0" fontId="5" fillId="0" borderId="3" xfId="0" applyFont="1"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0"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1" xfId="0" applyBorder="1" applyAlignment="1">
      <alignment horizontal="center" vertical="center"/>
    </xf>
    <xf numFmtId="0" fontId="0" fillId="0" borderId="9" xfId="0" applyBorder="1" applyAlignment="1">
      <alignment horizontal="center" vertical="center"/>
    </xf>
    <xf numFmtId="0" fontId="9" fillId="0" borderId="3" xfId="0" applyFont="1" applyBorder="1" applyAlignment="1">
      <alignment horizontal="center" vertical="center"/>
    </xf>
    <xf numFmtId="0" fontId="10" fillId="0" borderId="5" xfId="0" applyFont="1" applyBorder="1" applyAlignment="1">
      <alignment horizontal="center" vertical="center"/>
    </xf>
    <xf numFmtId="0" fontId="5" fillId="0" borderId="3" xfId="0" applyFont="1" applyBorder="1" applyAlignment="1">
      <alignment vertical="center"/>
    </xf>
    <xf numFmtId="0" fontId="0" fillId="0" borderId="22" xfId="0" applyBorder="1" applyAlignment="1">
      <alignment vertical="center"/>
    </xf>
    <xf numFmtId="0" fontId="0" fillId="0" borderId="18" xfId="0" applyBorder="1" applyAlignment="1">
      <alignment vertical="center"/>
    </xf>
    <xf numFmtId="0" fontId="0" fillId="0" borderId="24" xfId="0" applyBorder="1" applyAlignment="1">
      <alignment vertical="center"/>
    </xf>
    <xf numFmtId="0" fontId="5" fillId="0" borderId="12" xfId="0" applyFont="1" applyBorder="1" applyAlignment="1">
      <alignment vertical="center"/>
    </xf>
    <xf numFmtId="0" fontId="0" fillId="0" borderId="14" xfId="0" applyBorder="1" applyAlignment="1">
      <alignment vertical="center"/>
    </xf>
    <xf numFmtId="0" fontId="0" fillId="0" borderId="20" xfId="0" applyBorder="1" applyAlignment="1">
      <alignment vertical="center"/>
    </xf>
    <xf numFmtId="0" fontId="0" fillId="0" borderId="19" xfId="0" applyBorder="1" applyAlignment="1">
      <alignment vertical="center"/>
    </xf>
    <xf numFmtId="0" fontId="5" fillId="0" borderId="6" xfId="0" applyFont="1" applyBorder="1" applyAlignment="1">
      <alignment horizontal="center" vertical="center"/>
    </xf>
    <xf numFmtId="0" fontId="5" fillId="0" borderId="4" xfId="0" applyFont="1" applyBorder="1" applyAlignment="1">
      <alignment horizontal="center" vertical="center"/>
    </xf>
    <xf numFmtId="0" fontId="5" fillId="0" borderId="18" xfId="0" applyFont="1" applyBorder="1" applyAlignment="1">
      <alignment horizontal="center" vertical="center"/>
    </xf>
    <xf numFmtId="0" fontId="5" fillId="0" borderId="21" xfId="0" applyFont="1" applyBorder="1" applyAlignment="1">
      <alignment horizontal="center" vertical="center"/>
    </xf>
    <xf numFmtId="0" fontId="9" fillId="0" borderId="29" xfId="0" applyFont="1" applyBorder="1" applyAlignment="1">
      <alignment horizontal="center" vertical="center"/>
    </xf>
    <xf numFmtId="0" fontId="10" fillId="0" borderId="30" xfId="0" applyFont="1" applyBorder="1" applyAlignment="1">
      <alignment horizontal="center" vertical="center"/>
    </xf>
    <xf numFmtId="0" fontId="10" fillId="0" borderId="19" xfId="0" applyFont="1" applyBorder="1" applyAlignment="1">
      <alignment horizontal="center" vertical="center"/>
    </xf>
    <xf numFmtId="0" fontId="6" fillId="0" borderId="0" xfId="0" applyFont="1" applyAlignment="1">
      <alignment vertical="center" shrinkToFit="1"/>
    </xf>
    <xf numFmtId="0" fontId="9" fillId="0" borderId="5" xfId="0" applyFont="1" applyBorder="1" applyAlignment="1">
      <alignment horizontal="center" vertical="center"/>
    </xf>
    <xf numFmtId="0" fontId="9" fillId="0" borderId="8" xfId="0" applyFont="1" applyBorder="1" applyAlignment="1">
      <alignment horizontal="center" vertical="center"/>
    </xf>
    <xf numFmtId="0" fontId="9" fillId="0" borderId="9" xfId="0" applyFont="1" applyBorder="1" applyAlignment="1">
      <alignment horizontal="center" vertical="center"/>
    </xf>
    <xf numFmtId="0" fontId="5" fillId="0" borderId="25" xfId="0" applyFont="1" applyBorder="1" applyAlignment="1">
      <alignment vertical="center"/>
    </xf>
    <xf numFmtId="0" fontId="0" fillId="0" borderId="26" xfId="0" applyBorder="1" applyAlignment="1">
      <alignment vertical="center"/>
    </xf>
    <xf numFmtId="0" fontId="0" fillId="0" borderId="8" xfId="0" applyBorder="1" applyAlignment="1">
      <alignment vertical="center"/>
    </xf>
    <xf numFmtId="0" fontId="0" fillId="0" borderId="23" xfId="0" applyBorder="1" applyAlignment="1">
      <alignment vertical="center"/>
    </xf>
    <xf numFmtId="0" fontId="5" fillId="0" borderId="16" xfId="0" applyFont="1" applyBorder="1" applyAlignment="1">
      <alignment horizontal="right" vertical="center"/>
    </xf>
    <xf numFmtId="0" fontId="5" fillId="0" borderId="17" xfId="0" applyFont="1" applyBorder="1" applyAlignment="1">
      <alignment horizontal="right" vertical="center"/>
    </xf>
    <xf numFmtId="0" fontId="0" fillId="0" borderId="13" xfId="0" applyBorder="1" applyAlignment="1">
      <alignment vertical="center"/>
    </xf>
    <xf numFmtId="0" fontId="0" fillId="0" borderId="15" xfId="0" applyBorder="1" applyAlignment="1">
      <alignment vertical="center"/>
    </xf>
    <xf numFmtId="0" fontId="0" fillId="0" borderId="1" xfId="0" applyBorder="1" applyAlignment="1">
      <alignment vertical="center"/>
    </xf>
    <xf numFmtId="0" fontId="9" fillId="0" borderId="27" xfId="0" applyFont="1" applyBorder="1" applyAlignment="1">
      <alignment horizontal="center" vertical="center"/>
    </xf>
    <xf numFmtId="0" fontId="10" fillId="0" borderId="28" xfId="0" applyFont="1" applyBorder="1" applyAlignment="1">
      <alignment horizontal="center" vertical="center"/>
    </xf>
    <xf numFmtId="0" fontId="7" fillId="0" borderId="0" xfId="0" applyFont="1" applyAlignment="1">
      <alignment horizontal="center" vertical="center"/>
    </xf>
    <xf numFmtId="0" fontId="5" fillId="0" borderId="3" xfId="0" applyFont="1" applyBorder="1" applyAlignment="1">
      <alignment horizontal="center" vertical="center" wrapText="1"/>
    </xf>
    <xf numFmtId="0" fontId="0" fillId="0" borderId="0" xfId="0" applyAlignment="1">
      <alignment horizontal="center" vertical="center"/>
    </xf>
    <xf numFmtId="0" fontId="6" fillId="0" borderId="0" xfId="0" applyFont="1" applyAlignment="1">
      <alignment vertical="center"/>
    </xf>
    <xf numFmtId="0" fontId="2" fillId="0" borderId="0" xfId="0" applyFont="1" applyAlignment="1">
      <alignment vertical="center"/>
    </xf>
    <xf numFmtId="0" fontId="0" fillId="0" borderId="4" xfId="0" applyBorder="1" applyAlignment="1">
      <alignment vertical="center"/>
    </xf>
    <xf numFmtId="0" fontId="0" fillId="0" borderId="5" xfId="0" applyBorder="1" applyAlignment="1">
      <alignment vertical="center"/>
    </xf>
    <xf numFmtId="0" fontId="0" fillId="0" borderId="9" xfId="0" applyBorder="1" applyAlignment="1">
      <alignment vertical="center"/>
    </xf>
    <xf numFmtId="0" fontId="5" fillId="0" borderId="11" xfId="0" applyFont="1" applyBorder="1" applyAlignment="1">
      <alignment vertical="center"/>
    </xf>
    <xf numFmtId="0" fontId="0" fillId="0" borderId="10" xfId="0" applyBorder="1" applyAlignment="1">
      <alignment vertical="center"/>
    </xf>
    <xf numFmtId="0" fontId="5" fillId="0" borderId="3" xfId="0" applyFont="1" applyBorder="1" applyAlignment="1">
      <alignment horizontal="center" vertical="center" shrinkToFit="1"/>
    </xf>
    <xf numFmtId="0" fontId="0" fillId="0" borderId="5" xfId="0" applyFont="1" applyBorder="1" applyAlignment="1">
      <alignment horizontal="center" vertical="center" shrinkToFit="1"/>
    </xf>
    <xf numFmtId="0" fontId="0" fillId="0" borderId="18" xfId="0" applyFont="1" applyBorder="1" applyAlignment="1">
      <alignment horizontal="center" vertical="center" shrinkToFit="1"/>
    </xf>
    <xf numFmtId="0" fontId="0" fillId="0" borderId="19" xfId="0" applyFont="1" applyBorder="1" applyAlignment="1">
      <alignment horizontal="center" vertical="center" shrinkToFit="1"/>
    </xf>
    <xf numFmtId="0" fontId="5" fillId="0" borderId="1" xfId="0" applyFont="1" applyBorder="1" applyAlignment="1">
      <alignment horizontal="left" vertical="center"/>
    </xf>
    <xf numFmtId="0" fontId="0" fillId="0" borderId="1" xfId="0" applyBorder="1" applyAlignment="1">
      <alignment horizontal="left" vertical="center"/>
    </xf>
    <xf numFmtId="0" fontId="3" fillId="0" borderId="11" xfId="0" applyFont="1" applyBorder="1" applyAlignment="1">
      <alignment horizontal="center" vertical="center"/>
    </xf>
    <xf numFmtId="0" fontId="0" fillId="0" borderId="10" xfId="0" applyFont="1" applyBorder="1" applyAlignment="1">
      <alignment horizontal="center" vertical="center"/>
    </xf>
    <xf numFmtId="0" fontId="3" fillId="0" borderId="3" xfId="0" applyFont="1" applyBorder="1" applyAlignment="1">
      <alignment horizontal="center" vertical="center" shrinkToFit="1"/>
    </xf>
    <xf numFmtId="0" fontId="0" fillId="0" borderId="8" xfId="0" applyFont="1" applyBorder="1" applyAlignment="1">
      <alignment horizontal="center" vertical="center" shrinkToFit="1"/>
    </xf>
    <xf numFmtId="0" fontId="0" fillId="0" borderId="9" xfId="0" applyFont="1" applyBorder="1" applyAlignment="1">
      <alignment horizontal="center" vertical="center" shrinkToFit="1"/>
    </xf>
    <xf numFmtId="0" fontId="5" fillId="0" borderId="3" xfId="0" applyFont="1" applyBorder="1" applyAlignment="1">
      <alignment horizontal="left" vertical="center"/>
    </xf>
    <xf numFmtId="0" fontId="0" fillId="0" borderId="4" xfId="0" applyBorder="1" applyAlignment="1">
      <alignment horizontal="left" vertical="center"/>
    </xf>
    <xf numFmtId="0" fontId="0" fillId="0" borderId="5" xfId="0" applyBorder="1" applyAlignment="1">
      <alignment horizontal="left" vertical="center"/>
    </xf>
    <xf numFmtId="0" fontId="0" fillId="0" borderId="8" xfId="0" applyBorder="1" applyAlignment="1">
      <alignment horizontal="left" vertical="center"/>
    </xf>
    <xf numFmtId="0" fontId="0" fillId="0" borderId="9" xfId="0" applyBorder="1" applyAlignment="1">
      <alignment horizontal="left" vertical="center"/>
    </xf>
    <xf numFmtId="0" fontId="5" fillId="0" borderId="11" xfId="0" applyFont="1"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11" xfId="0"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0000"/>
  </sheetPr>
  <dimension ref="A1:I125"/>
  <sheetViews>
    <sheetView tabSelected="1" workbookViewId="0">
      <selection activeCell="L30" sqref="L30"/>
    </sheetView>
  </sheetViews>
  <sheetFormatPr defaultRowHeight="13.5" x14ac:dyDescent="0.15"/>
  <cols>
    <col min="4" max="4" width="13" customWidth="1"/>
    <col min="6" max="6" width="7.5" customWidth="1"/>
    <col min="7" max="7" width="7.25" customWidth="1"/>
    <col min="9" max="9" width="8.625" customWidth="1"/>
  </cols>
  <sheetData>
    <row r="1" spans="1:9" s="7" customFormat="1" ht="12" x14ac:dyDescent="0.15">
      <c r="A1" s="7" t="s">
        <v>32</v>
      </c>
    </row>
    <row r="2" spans="1:9" s="2" customFormat="1" ht="14.25" x14ac:dyDescent="0.15"/>
    <row r="3" spans="1:9" s="2" customFormat="1" ht="17.25" x14ac:dyDescent="0.15">
      <c r="A3" s="54" t="s">
        <v>12</v>
      </c>
      <c r="B3" s="54"/>
      <c r="C3" s="54"/>
      <c r="D3" s="54"/>
      <c r="E3" s="54"/>
      <c r="F3" s="54"/>
      <c r="G3" s="54"/>
      <c r="H3" s="54"/>
      <c r="I3" s="54"/>
    </row>
    <row r="4" spans="1:9" s="2" customFormat="1" ht="14.25" x14ac:dyDescent="0.15"/>
    <row r="5" spans="1:9" s="2" customFormat="1" ht="14.25" x14ac:dyDescent="0.15">
      <c r="G5" s="2" t="s">
        <v>33</v>
      </c>
    </row>
    <row r="6" spans="1:9" s="2" customFormat="1" ht="14.25" x14ac:dyDescent="0.15">
      <c r="A6" s="2" t="s">
        <v>0</v>
      </c>
    </row>
    <row r="7" spans="1:9" s="2" customFormat="1" ht="14.25" x14ac:dyDescent="0.15"/>
    <row r="8" spans="1:9" s="2" customFormat="1" ht="23.25" customHeight="1" x14ac:dyDescent="0.15">
      <c r="D8" s="68" t="s">
        <v>15</v>
      </c>
      <c r="E8" s="69"/>
      <c r="F8" s="3"/>
      <c r="G8" s="3"/>
      <c r="H8" s="3"/>
      <c r="I8" s="8"/>
    </row>
    <row r="9" spans="1:9" s="2" customFormat="1" ht="23.25" customHeight="1" x14ac:dyDescent="0.15">
      <c r="D9" s="10" t="s">
        <v>8</v>
      </c>
      <c r="E9" s="4"/>
      <c r="F9" s="4"/>
      <c r="G9" s="5"/>
      <c r="H9" s="5"/>
      <c r="I9" s="5"/>
    </row>
    <row r="10" spans="1:9" s="2" customFormat="1" ht="23.25" customHeight="1" x14ac:dyDescent="0.15">
      <c r="D10" s="4" t="s">
        <v>17</v>
      </c>
      <c r="E10" s="4"/>
      <c r="F10" s="4"/>
      <c r="G10" s="4"/>
      <c r="H10" s="4"/>
      <c r="I10" s="8"/>
    </row>
    <row r="11" spans="1:9" s="2" customFormat="1" ht="23.25" customHeight="1" x14ac:dyDescent="0.15">
      <c r="D11" s="4" t="s">
        <v>16</v>
      </c>
      <c r="E11" s="4"/>
      <c r="F11" s="4"/>
      <c r="G11" s="4"/>
      <c r="H11" s="4"/>
      <c r="I11" s="4"/>
    </row>
    <row r="12" spans="1:9" s="2" customFormat="1" ht="23.25" customHeight="1" x14ac:dyDescent="0.15">
      <c r="D12" s="4" t="s">
        <v>18</v>
      </c>
      <c r="E12" s="4"/>
      <c r="F12" s="4"/>
      <c r="G12" s="4"/>
      <c r="H12" s="4"/>
      <c r="I12" s="8" t="s">
        <v>11</v>
      </c>
    </row>
    <row r="13" spans="1:9" s="2" customFormat="1" ht="18.75" customHeight="1" x14ac:dyDescent="0.15"/>
    <row r="14" spans="1:9" s="2" customFormat="1" ht="20.25" customHeight="1" x14ac:dyDescent="0.15">
      <c r="A14" s="57" t="s">
        <v>9</v>
      </c>
      <c r="B14" s="58"/>
      <c r="C14" s="58"/>
      <c r="D14" s="58"/>
      <c r="E14" s="58"/>
      <c r="F14" s="58"/>
      <c r="G14" s="58"/>
      <c r="H14" s="58"/>
      <c r="I14" s="58"/>
    </row>
    <row r="15" spans="1:9" s="2" customFormat="1" ht="20.25" customHeight="1" x14ac:dyDescent="0.15">
      <c r="A15" s="57" t="s">
        <v>10</v>
      </c>
      <c r="B15" s="57"/>
      <c r="C15" s="57"/>
      <c r="D15" s="57"/>
      <c r="E15" s="57"/>
      <c r="F15" s="57"/>
      <c r="G15" s="57"/>
      <c r="H15" s="57"/>
      <c r="I15" s="57"/>
    </row>
    <row r="16" spans="1:9" s="2" customFormat="1" ht="14.25" x14ac:dyDescent="0.15"/>
    <row r="17" spans="1:9" s="2" customFormat="1" ht="18.75" customHeight="1" x14ac:dyDescent="0.15">
      <c r="A17" s="55" t="s">
        <v>13</v>
      </c>
      <c r="B17" s="14"/>
      <c r="C17" s="15"/>
      <c r="D17" s="55" t="s">
        <v>1</v>
      </c>
      <c r="E17" s="14"/>
      <c r="F17" s="15"/>
      <c r="G17" s="55" t="s">
        <v>2</v>
      </c>
      <c r="H17" s="14"/>
      <c r="I17" s="15"/>
    </row>
    <row r="18" spans="1:9" s="2" customFormat="1" ht="18.75" customHeight="1" x14ac:dyDescent="0.15">
      <c r="A18" s="16"/>
      <c r="B18" s="56"/>
      <c r="C18" s="18"/>
      <c r="D18" s="16"/>
      <c r="E18" s="56"/>
      <c r="F18" s="18"/>
      <c r="G18" s="16"/>
      <c r="H18" s="56"/>
      <c r="I18" s="18"/>
    </row>
    <row r="19" spans="1:9" s="2" customFormat="1" ht="18.75" customHeight="1" thickBot="1" x14ac:dyDescent="0.2">
      <c r="A19" s="19"/>
      <c r="B19" s="20"/>
      <c r="C19" s="21"/>
      <c r="D19" s="16"/>
      <c r="E19" s="17"/>
      <c r="F19" s="18"/>
      <c r="G19" s="16"/>
      <c r="H19" s="17"/>
      <c r="I19" s="18"/>
    </row>
    <row r="20" spans="1:9" s="2" customFormat="1" ht="16.5" customHeight="1" thickTop="1" x14ac:dyDescent="0.15">
      <c r="A20" s="64" t="s">
        <v>28</v>
      </c>
      <c r="B20" s="65"/>
      <c r="C20" s="47" t="s">
        <v>3</v>
      </c>
      <c r="D20" s="28" t="s">
        <v>4</v>
      </c>
      <c r="E20" s="49"/>
      <c r="F20" s="49"/>
      <c r="G20" s="52" t="s">
        <v>5</v>
      </c>
      <c r="H20" s="43"/>
      <c r="I20" s="44"/>
    </row>
    <row r="21" spans="1:9" s="2" customFormat="1" ht="16.5" customHeight="1" thickBot="1" x14ac:dyDescent="0.2">
      <c r="A21" s="66"/>
      <c r="B21" s="67"/>
      <c r="C21" s="48"/>
      <c r="D21" s="50"/>
      <c r="E21" s="51"/>
      <c r="F21" s="51"/>
      <c r="G21" s="53"/>
      <c r="H21" s="45"/>
      <c r="I21" s="46"/>
    </row>
    <row r="22" spans="1:9" s="2" customFormat="1" ht="16.5" customHeight="1" thickTop="1" x14ac:dyDescent="0.15">
      <c r="A22" s="28" t="s">
        <v>6</v>
      </c>
      <c r="B22" s="29"/>
      <c r="C22" s="32" t="s">
        <v>33</v>
      </c>
      <c r="D22" s="33"/>
      <c r="E22" s="33"/>
      <c r="F22" s="36" t="s">
        <v>7</v>
      </c>
      <c r="G22" s="23"/>
      <c r="H22" s="24"/>
      <c r="I22" s="25"/>
    </row>
    <row r="23" spans="1:9" s="2" customFormat="1" ht="16.5" customHeight="1" thickBot="1" x14ac:dyDescent="0.2">
      <c r="A23" s="30"/>
      <c r="B23" s="31"/>
      <c r="C23" s="34"/>
      <c r="D23" s="35"/>
      <c r="E23" s="35"/>
      <c r="F23" s="37"/>
      <c r="G23" s="38"/>
      <c r="H23" s="26"/>
      <c r="I23" s="27"/>
    </row>
    <row r="24" spans="1:9" s="2" customFormat="1" ht="15" thickTop="1" x14ac:dyDescent="0.15"/>
    <row r="25" spans="1:9" s="2" customFormat="1" ht="18.75" customHeight="1" x14ac:dyDescent="0.15">
      <c r="F25" s="39" t="s">
        <v>14</v>
      </c>
      <c r="G25" s="39"/>
      <c r="H25" s="39"/>
      <c r="I25" s="39"/>
    </row>
    <row r="26" spans="1:9" s="2" customFormat="1" ht="14.25" x14ac:dyDescent="0.15">
      <c r="F26" s="9"/>
      <c r="G26" s="9"/>
      <c r="H26" s="9"/>
      <c r="I26" s="9"/>
    </row>
    <row r="27" spans="1:9" s="2" customFormat="1" ht="18.75" customHeight="1" x14ac:dyDescent="0.15">
      <c r="A27" s="2" t="s">
        <v>29</v>
      </c>
    </row>
    <row r="28" spans="1:9" s="2" customFormat="1" ht="18.75" customHeight="1" x14ac:dyDescent="0.15">
      <c r="A28" s="57" t="s">
        <v>19</v>
      </c>
      <c r="B28" s="58"/>
      <c r="C28" s="58"/>
      <c r="D28" s="58"/>
      <c r="E28" s="58"/>
      <c r="F28" s="58"/>
      <c r="G28" s="58"/>
      <c r="H28" s="58"/>
      <c r="I28" s="58"/>
    </row>
    <row r="29" spans="1:9" s="2" customFormat="1" ht="18.75" customHeight="1" x14ac:dyDescent="0.15">
      <c r="A29" s="57" t="s">
        <v>20</v>
      </c>
      <c r="B29" s="57"/>
      <c r="C29" s="57"/>
      <c r="D29" s="57"/>
      <c r="E29" s="57"/>
      <c r="F29" s="57"/>
      <c r="G29" s="57"/>
      <c r="H29" s="57"/>
      <c r="I29" s="57"/>
    </row>
    <row r="30" spans="1:9" s="2" customFormat="1" ht="14.25" x14ac:dyDescent="0.15"/>
    <row r="31" spans="1:9" s="2" customFormat="1" ht="14.25" x14ac:dyDescent="0.15">
      <c r="F31" s="11" t="s">
        <v>34</v>
      </c>
    </row>
    <row r="32" spans="1:9" s="2" customFormat="1" ht="14.25" x14ac:dyDescent="0.15"/>
    <row r="33" spans="1:9" s="2" customFormat="1" ht="18.75" customHeight="1" x14ac:dyDescent="0.15">
      <c r="E33" s="11" t="s">
        <v>21</v>
      </c>
      <c r="I33" s="12" t="s">
        <v>22</v>
      </c>
    </row>
    <row r="34" spans="1:9" s="2" customFormat="1" ht="14.25" x14ac:dyDescent="0.15">
      <c r="A34" s="2" t="s">
        <v>27</v>
      </c>
    </row>
    <row r="35" spans="1:9" s="2" customFormat="1" ht="14.25" x14ac:dyDescent="0.15">
      <c r="A35" s="13" t="s">
        <v>23</v>
      </c>
      <c r="B35" s="14"/>
      <c r="C35" s="14"/>
      <c r="D35" s="15"/>
      <c r="E35" s="72" t="s">
        <v>24</v>
      </c>
      <c r="F35" s="65"/>
      <c r="G35" s="70" t="s">
        <v>25</v>
      </c>
      <c r="H35" s="22" t="s">
        <v>26</v>
      </c>
      <c r="I35" s="40"/>
    </row>
    <row r="36" spans="1:9" s="2" customFormat="1" ht="14.25" x14ac:dyDescent="0.15">
      <c r="A36" s="19"/>
      <c r="B36" s="20"/>
      <c r="C36" s="20"/>
      <c r="D36" s="21"/>
      <c r="E36" s="73"/>
      <c r="F36" s="74"/>
      <c r="G36" s="71"/>
      <c r="H36" s="41"/>
      <c r="I36" s="42"/>
    </row>
    <row r="37" spans="1:9" s="2" customFormat="1" ht="14.25" x14ac:dyDescent="0.15">
      <c r="A37" s="75" t="s">
        <v>31</v>
      </c>
      <c r="B37" s="76"/>
      <c r="C37" s="76"/>
      <c r="D37" s="77"/>
      <c r="E37" s="13"/>
      <c r="F37" s="15"/>
      <c r="G37" s="80"/>
      <c r="H37" s="82"/>
      <c r="I37" s="15"/>
    </row>
    <row r="38" spans="1:9" s="2" customFormat="1" ht="14.25" x14ac:dyDescent="0.15">
      <c r="A38" s="78"/>
      <c r="B38" s="69"/>
      <c r="C38" s="69"/>
      <c r="D38" s="79"/>
      <c r="E38" s="19"/>
      <c r="F38" s="21"/>
      <c r="G38" s="81"/>
      <c r="H38" s="19"/>
      <c r="I38" s="21"/>
    </row>
    <row r="39" spans="1:9" s="2" customFormat="1" ht="14.25" x14ac:dyDescent="0.15">
      <c r="A39" s="75" t="s">
        <v>31</v>
      </c>
      <c r="B39" s="76"/>
      <c r="C39" s="76"/>
      <c r="D39" s="77"/>
      <c r="E39" s="82"/>
      <c r="F39" s="60"/>
      <c r="G39" s="83"/>
      <c r="H39" s="82"/>
      <c r="I39" s="60"/>
    </row>
    <row r="40" spans="1:9" s="2" customFormat="1" ht="14.25" x14ac:dyDescent="0.15">
      <c r="A40" s="78"/>
      <c r="B40" s="69"/>
      <c r="C40" s="69"/>
      <c r="D40" s="79"/>
      <c r="E40" s="45"/>
      <c r="F40" s="61"/>
      <c r="G40" s="63"/>
      <c r="H40" s="45"/>
      <c r="I40" s="61"/>
    </row>
    <row r="41" spans="1:9" s="2" customFormat="1" ht="14.25" x14ac:dyDescent="0.15">
      <c r="A41" s="24" t="s">
        <v>31</v>
      </c>
      <c r="B41" s="59"/>
      <c r="C41" s="59"/>
      <c r="D41" s="60"/>
      <c r="E41" s="24"/>
      <c r="F41" s="60"/>
      <c r="G41" s="62"/>
      <c r="H41" s="24"/>
      <c r="I41" s="60"/>
    </row>
    <row r="42" spans="1:9" s="2" customFormat="1" ht="14.25" x14ac:dyDescent="0.15">
      <c r="A42" s="45"/>
      <c r="B42" s="51"/>
      <c r="C42" s="51"/>
      <c r="D42" s="61"/>
      <c r="E42" s="45"/>
      <c r="F42" s="61"/>
      <c r="G42" s="63"/>
      <c r="H42" s="45"/>
      <c r="I42" s="61"/>
    </row>
    <row r="43" spans="1:9" s="2" customFormat="1" ht="14.25" x14ac:dyDescent="0.15">
      <c r="A43" s="24" t="s">
        <v>31</v>
      </c>
      <c r="B43" s="59"/>
      <c r="C43" s="59"/>
      <c r="D43" s="60"/>
      <c r="E43" s="24"/>
      <c r="F43" s="60"/>
      <c r="G43" s="62"/>
      <c r="H43" s="24"/>
      <c r="I43" s="60"/>
    </row>
    <row r="44" spans="1:9" s="2" customFormat="1" ht="14.25" x14ac:dyDescent="0.15">
      <c r="A44" s="45"/>
      <c r="B44" s="51"/>
      <c r="C44" s="51"/>
      <c r="D44" s="61"/>
      <c r="E44" s="45"/>
      <c r="F44" s="61"/>
      <c r="G44" s="63"/>
      <c r="H44" s="45"/>
      <c r="I44" s="61"/>
    </row>
    <row r="45" spans="1:9" s="2" customFormat="1" ht="14.25" x14ac:dyDescent="0.15">
      <c r="A45" s="24" t="s">
        <v>31</v>
      </c>
      <c r="B45" s="59"/>
      <c r="C45" s="59"/>
      <c r="D45" s="60"/>
      <c r="E45" s="24"/>
      <c r="F45" s="60"/>
      <c r="G45" s="62"/>
      <c r="H45" s="24"/>
      <c r="I45" s="60"/>
    </row>
    <row r="46" spans="1:9" s="2" customFormat="1" ht="14.25" x14ac:dyDescent="0.15">
      <c r="A46" s="45"/>
      <c r="B46" s="51"/>
      <c r="C46" s="51"/>
      <c r="D46" s="61"/>
      <c r="E46" s="45"/>
      <c r="F46" s="61"/>
      <c r="G46" s="63"/>
      <c r="H46" s="45"/>
      <c r="I46" s="61"/>
    </row>
    <row r="47" spans="1:9" s="2" customFormat="1" ht="14.25" x14ac:dyDescent="0.15">
      <c r="A47" s="24" t="s">
        <v>31</v>
      </c>
      <c r="B47" s="59"/>
      <c r="C47" s="59"/>
      <c r="D47" s="60"/>
      <c r="E47" s="24"/>
      <c r="F47" s="60"/>
      <c r="G47" s="62"/>
      <c r="H47" s="24"/>
      <c r="I47" s="60"/>
    </row>
    <row r="48" spans="1:9" s="2" customFormat="1" ht="14.25" x14ac:dyDescent="0.15">
      <c r="A48" s="45"/>
      <c r="B48" s="51"/>
      <c r="C48" s="51"/>
      <c r="D48" s="61"/>
      <c r="E48" s="45"/>
      <c r="F48" s="61"/>
      <c r="G48" s="63"/>
      <c r="H48" s="45"/>
      <c r="I48" s="61"/>
    </row>
    <row r="49" spans="1:9" s="2" customFormat="1" ht="20.25" customHeight="1" x14ac:dyDescent="0.15">
      <c r="A49" s="6"/>
      <c r="B49" s="6"/>
      <c r="C49" s="6"/>
      <c r="D49" s="6"/>
      <c r="E49" s="6" t="s">
        <v>30</v>
      </c>
      <c r="F49" s="6"/>
      <c r="G49" s="6"/>
      <c r="H49" s="6"/>
      <c r="I49" s="6"/>
    </row>
    <row r="50" spans="1:9" s="1" customFormat="1" x14ac:dyDescent="0.15"/>
    <row r="51" spans="1:9" s="1" customFormat="1" x14ac:dyDescent="0.15"/>
    <row r="52" spans="1:9" s="1" customFormat="1" x14ac:dyDescent="0.15"/>
    <row r="53" spans="1:9" s="1" customFormat="1" x14ac:dyDescent="0.15"/>
    <row r="54" spans="1:9" s="1" customFormat="1" x14ac:dyDescent="0.15"/>
    <row r="55" spans="1:9" s="1" customFormat="1" x14ac:dyDescent="0.15"/>
    <row r="56" spans="1:9" s="1" customFormat="1" x14ac:dyDescent="0.15"/>
    <row r="57" spans="1:9" s="1" customFormat="1" x14ac:dyDescent="0.15"/>
    <row r="58" spans="1:9" s="1" customFormat="1" x14ac:dyDescent="0.15"/>
    <row r="59" spans="1:9" s="1" customFormat="1" x14ac:dyDescent="0.15"/>
    <row r="60" spans="1:9" s="1" customFormat="1" x14ac:dyDescent="0.15"/>
    <row r="61" spans="1:9" s="1" customFormat="1" x14ac:dyDescent="0.15"/>
    <row r="62" spans="1:9" s="1" customFormat="1" x14ac:dyDescent="0.15"/>
    <row r="63" spans="1:9" s="1" customFormat="1" x14ac:dyDescent="0.15"/>
    <row r="64" spans="1:9" s="1" customFormat="1" x14ac:dyDescent="0.15"/>
    <row r="65" s="1" customFormat="1" x14ac:dyDescent="0.15"/>
    <row r="66" s="1" customFormat="1" x14ac:dyDescent="0.15"/>
    <row r="67" s="1" customFormat="1" x14ac:dyDescent="0.15"/>
    <row r="68" s="1" customFormat="1" x14ac:dyDescent="0.15"/>
    <row r="69" s="1" customFormat="1" x14ac:dyDescent="0.15"/>
    <row r="70" s="1" customFormat="1" x14ac:dyDescent="0.15"/>
    <row r="71" s="1" customFormat="1" x14ac:dyDescent="0.15"/>
    <row r="72" s="1" customFormat="1" x14ac:dyDescent="0.15"/>
    <row r="73" s="1" customFormat="1" x14ac:dyDescent="0.15"/>
    <row r="74" s="1" customFormat="1" x14ac:dyDescent="0.15"/>
    <row r="75" s="1" customFormat="1" x14ac:dyDescent="0.15"/>
    <row r="76" s="1" customFormat="1" x14ac:dyDescent="0.15"/>
    <row r="77" s="1" customFormat="1" x14ac:dyDescent="0.15"/>
    <row r="78" s="1" customFormat="1" x14ac:dyDescent="0.15"/>
    <row r="79" s="1" customFormat="1" x14ac:dyDescent="0.15"/>
    <row r="80" s="1" customFormat="1" x14ac:dyDescent="0.15"/>
    <row r="81" s="1" customFormat="1" x14ac:dyDescent="0.15"/>
    <row r="82" s="1" customFormat="1" x14ac:dyDescent="0.15"/>
    <row r="83" s="1" customFormat="1" x14ac:dyDescent="0.15"/>
    <row r="84" s="1" customFormat="1" x14ac:dyDescent="0.15"/>
    <row r="85" s="1" customFormat="1" x14ac:dyDescent="0.15"/>
    <row r="86" s="1" customFormat="1" x14ac:dyDescent="0.15"/>
    <row r="87" s="1" customFormat="1" x14ac:dyDescent="0.15"/>
    <row r="88" s="1" customFormat="1" x14ac:dyDescent="0.15"/>
    <row r="89" s="1" customFormat="1" x14ac:dyDescent="0.15"/>
    <row r="90" s="1" customFormat="1" x14ac:dyDescent="0.15"/>
    <row r="91" s="1" customFormat="1" x14ac:dyDescent="0.15"/>
    <row r="92" s="1" customFormat="1" x14ac:dyDescent="0.15"/>
    <row r="93" s="1" customFormat="1" x14ac:dyDescent="0.15"/>
    <row r="94" s="1" customFormat="1" x14ac:dyDescent="0.15"/>
    <row r="95" s="1" customFormat="1" x14ac:dyDescent="0.15"/>
    <row r="96" s="1" customFormat="1" x14ac:dyDescent="0.15"/>
    <row r="97" s="1" customFormat="1" x14ac:dyDescent="0.15"/>
    <row r="98" s="1" customFormat="1" x14ac:dyDescent="0.15"/>
    <row r="99" s="1" customFormat="1" x14ac:dyDescent="0.15"/>
    <row r="100" s="1" customFormat="1" x14ac:dyDescent="0.15"/>
    <row r="101" s="1" customFormat="1" x14ac:dyDescent="0.15"/>
    <row r="102" s="1" customFormat="1" x14ac:dyDescent="0.15"/>
    <row r="103" s="1" customFormat="1" x14ac:dyDescent="0.15"/>
    <row r="104" s="1" customFormat="1" x14ac:dyDescent="0.15"/>
    <row r="105" s="1" customFormat="1" x14ac:dyDescent="0.15"/>
    <row r="106" s="1" customFormat="1" x14ac:dyDescent="0.15"/>
    <row r="107" s="1" customFormat="1" x14ac:dyDescent="0.15"/>
    <row r="108" s="1" customFormat="1" x14ac:dyDescent="0.15"/>
    <row r="109" s="1" customFormat="1" x14ac:dyDescent="0.15"/>
    <row r="110" s="1" customFormat="1" x14ac:dyDescent="0.15"/>
    <row r="111" s="1" customFormat="1" x14ac:dyDescent="0.15"/>
    <row r="112" s="1" customFormat="1" x14ac:dyDescent="0.15"/>
    <row r="113" s="1" customFormat="1" x14ac:dyDescent="0.15"/>
    <row r="114" s="1" customFormat="1" x14ac:dyDescent="0.15"/>
    <row r="115" s="1" customFormat="1" x14ac:dyDescent="0.15"/>
    <row r="116" s="1" customFormat="1" x14ac:dyDescent="0.15"/>
    <row r="117" s="1" customFormat="1" x14ac:dyDescent="0.15"/>
    <row r="118" s="1" customFormat="1" x14ac:dyDescent="0.15"/>
    <row r="119" s="1" customFormat="1" x14ac:dyDescent="0.15"/>
    <row r="120" s="1" customFormat="1" x14ac:dyDescent="0.15"/>
    <row r="121" s="1" customFormat="1" x14ac:dyDescent="0.15"/>
    <row r="122" s="1" customFormat="1" x14ac:dyDescent="0.15"/>
    <row r="123" s="1" customFormat="1" x14ac:dyDescent="0.15"/>
    <row r="124" s="1" customFormat="1" x14ac:dyDescent="0.15"/>
    <row r="125" s="1" customFormat="1" x14ac:dyDescent="0.15"/>
  </sheetData>
  <mergeCells count="47">
    <mergeCell ref="A45:D46"/>
    <mergeCell ref="E45:F46"/>
    <mergeCell ref="G45:G46"/>
    <mergeCell ref="H45:I46"/>
    <mergeCell ref="A47:D48"/>
    <mergeCell ref="E47:F48"/>
    <mergeCell ref="G47:G48"/>
    <mergeCell ref="H47:I48"/>
    <mergeCell ref="A41:D42"/>
    <mergeCell ref="E41:F42"/>
    <mergeCell ref="G41:G42"/>
    <mergeCell ref="H41:I42"/>
    <mergeCell ref="A43:D44"/>
    <mergeCell ref="E43:F44"/>
    <mergeCell ref="G43:G44"/>
    <mergeCell ref="H43:I44"/>
    <mergeCell ref="A37:D38"/>
    <mergeCell ref="E37:F38"/>
    <mergeCell ref="G37:G38"/>
    <mergeCell ref="H37:I38"/>
    <mergeCell ref="A39:D40"/>
    <mergeCell ref="E39:F40"/>
    <mergeCell ref="G39:G40"/>
    <mergeCell ref="H39:I40"/>
    <mergeCell ref="H22:I23"/>
    <mergeCell ref="F25:I25"/>
    <mergeCell ref="A28:I28"/>
    <mergeCell ref="A29:I29"/>
    <mergeCell ref="G35:G36"/>
    <mergeCell ref="H35:I36"/>
    <mergeCell ref="A35:D36"/>
    <mergeCell ref="E35:F36"/>
    <mergeCell ref="A22:B23"/>
    <mergeCell ref="C22:E23"/>
    <mergeCell ref="F22:G23"/>
    <mergeCell ref="A3:I3"/>
    <mergeCell ref="D8:E8"/>
    <mergeCell ref="A14:I14"/>
    <mergeCell ref="A15:I15"/>
    <mergeCell ref="A17:C19"/>
    <mergeCell ref="D17:F19"/>
    <mergeCell ref="G17:I19"/>
    <mergeCell ref="A20:B21"/>
    <mergeCell ref="C20:C21"/>
    <mergeCell ref="D20:F21"/>
    <mergeCell ref="G20:G21"/>
    <mergeCell ref="H20:I21"/>
  </mergeCells>
  <phoneticPr fontId="1"/>
  <pageMargins left="1.299212598425197" right="0.70866141732283472" top="0.74803149606299213" bottom="0.74803149606299213" header="0.31496062992125984" footer="0.31496062992125984"/>
  <pageSetup paperSize="9" orientation="portrait"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団体用</vt:lpstr>
    </vt:vector>
  </TitlesOfParts>
  <Company>Toshib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平田　嗣篤</dc:creator>
  <cp:lastModifiedBy>島袋　牧子</cp:lastModifiedBy>
  <cp:lastPrinted>2013-03-29T01:05:20Z</cp:lastPrinted>
  <dcterms:created xsi:type="dcterms:W3CDTF">2013-03-27T23:57:24Z</dcterms:created>
  <dcterms:modified xsi:type="dcterms:W3CDTF">2020-10-12T07:12:58Z</dcterms:modified>
</cp:coreProperties>
</file>